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4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5-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5-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ronckhors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E3F2609C-2518-680D-AC73-20E7DEDB7859}"/>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4927" y="4845073"/>
            <a:ext cx="2878563" cy="181925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56FB0EFB-7420-A00D-305D-5235FE060E87}"/>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54079" y="4200038"/>
            <a:ext cx="1868793" cy="1181077"/>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1-25T09:05:21Z</dcterms:modified>
</cp:coreProperties>
</file>